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7412\Desktop\"/>
    </mc:Choice>
  </mc:AlternateContent>
  <bookViews>
    <workbookView xWindow="360" yWindow="240" windowWidth="14715" windowHeight="8805"/>
  </bookViews>
  <sheets>
    <sheet name="建リ法" sheetId="3" r:id="rId1"/>
  </sheets>
  <calcPr calcId="162913"/>
</workbook>
</file>

<file path=xl/sharedStrings.xml><?xml version="1.0" encoding="utf-8"?>
<sst xmlns="http://schemas.openxmlformats.org/spreadsheetml/2006/main" count="76" uniqueCount="51">
  <si>
    <t>１．分別解体等の方法</t>
  </si>
  <si>
    <t>　（建築物の解体工事）</t>
    <phoneticPr fontId="2"/>
  </si>
  <si>
    <t>　　　及び解体方法
工程ごとの作業内容</t>
    <phoneticPr fontId="2"/>
  </si>
  <si>
    <t>工　　　　程</t>
  </si>
  <si>
    <t>作　業　内　容</t>
  </si>
  <si>
    <t>分別解体等の方法</t>
  </si>
  <si>
    <t>①建築設備・内装材等</t>
  </si>
  <si>
    <t>建築設備・内装材等の取り外し
□有／□無</t>
    <phoneticPr fontId="2"/>
  </si>
  <si>
    <t>□手作業／□手作業・機械作業の併用
　併用の場合の理由（　　　　　　）</t>
    <phoneticPr fontId="2"/>
  </si>
  <si>
    <t>②屋根ふき材</t>
  </si>
  <si>
    <t>屋根ふき材の取り外し
□有／□無</t>
    <phoneticPr fontId="2"/>
  </si>
  <si>
    <t>③外装材･上部構造部分</t>
    <phoneticPr fontId="2"/>
  </si>
  <si>
    <t>外装材・上部構造部分の取り壊し
□有／□無</t>
    <phoneticPr fontId="2"/>
  </si>
  <si>
    <t>□手作業／□手作業・機械作業の併用</t>
  </si>
  <si>
    <t>④基礎・基礎ぐい</t>
  </si>
  <si>
    <t>基礎・基礎ぐいの取り壊し　　　　　　　　　□有／□無</t>
  </si>
  <si>
    <t>⑤その他（　　　　）</t>
  </si>
  <si>
    <t>その他の取り壊し
□有／□無</t>
    <phoneticPr fontId="2"/>
  </si>
  <si>
    <t>　（建築物の新築工事等）</t>
    <phoneticPr fontId="2"/>
  </si>
  <si>
    <t>①造成等</t>
  </si>
  <si>
    <t>造成等の工事　　　　　　　□有／□無</t>
    <phoneticPr fontId="2"/>
  </si>
  <si>
    <t>②基礎・基礎ぐい</t>
  </si>
  <si>
    <t>基礎・基礎ぐいの工事　　　□有／□無</t>
    <phoneticPr fontId="2"/>
  </si>
  <si>
    <t>③上部構造部分・外装</t>
  </si>
  <si>
    <t>上部構造部分・外装の工事　□有／□無</t>
    <phoneticPr fontId="2"/>
  </si>
  <si>
    <t>④屋根</t>
  </si>
  <si>
    <t>屋根の工事　　　　　　　　□有／□無</t>
    <phoneticPr fontId="2"/>
  </si>
  <si>
    <t>⑤建築設備・内装等</t>
  </si>
  <si>
    <t>建築設備・内装等の工事　　□有／□無</t>
    <phoneticPr fontId="2"/>
  </si>
  <si>
    <t>⑥その他（　　　　）</t>
  </si>
  <si>
    <t>その他の工事　　　　　　　□有／□無</t>
    <phoneticPr fontId="2"/>
  </si>
  <si>
    <t>　（建築物以外の工事）</t>
    <phoneticPr fontId="2"/>
  </si>
  <si>
    <t>①仮設</t>
  </si>
  <si>
    <t>仮設工事　　　　　□有／□無</t>
    <phoneticPr fontId="2"/>
  </si>
  <si>
    <t>②土工</t>
  </si>
  <si>
    <t>土工事　　　　　　□有／□無</t>
    <phoneticPr fontId="2"/>
  </si>
  <si>
    <t>③基礎</t>
  </si>
  <si>
    <t>基礎工事　　　　　□有／□無</t>
    <phoneticPr fontId="2"/>
  </si>
  <si>
    <t>④本体構造</t>
  </si>
  <si>
    <t>本体構造の工事　　□有／□無</t>
    <phoneticPr fontId="2"/>
  </si>
  <si>
    <t>⑤本体付属品</t>
  </si>
  <si>
    <t>本体付属品の工事　□有／□無</t>
    <phoneticPr fontId="2"/>
  </si>
  <si>
    <t>その他の工事　　　□有／□無</t>
    <phoneticPr fontId="2"/>
  </si>
  <si>
    <t>２．解体工事に要する費用（受注者の見積金額）</t>
    <phoneticPr fontId="2"/>
  </si>
  <si>
    <t>（注）解体工事のある場合のみ記載する。</t>
  </si>
  <si>
    <t>円（税込）</t>
    <phoneticPr fontId="2"/>
  </si>
  <si>
    <t>３．再資源化等をするための施設の名称及び所在地</t>
  </si>
  <si>
    <t>特定建設資材廃棄物の種類</t>
  </si>
  <si>
    <t>施　設　の　名　称</t>
    <phoneticPr fontId="2"/>
  </si>
  <si>
    <t>所　　　在　　　地</t>
  </si>
  <si>
    <t>４．特定建設資材廃棄物の再資源化等に要する費用（受注者の見積金額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2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</borders>
  <cellStyleXfs count="1">
    <xf numFmtId="0" fontId="0" fillId="0" borderId="0"/>
  </cellStyleXfs>
  <cellXfs count="16">
    <xf numFmtId="0" fontId="0" fillId="0" borderId="0" xfId="0"/>
    <xf numFmtId="0" fontId="3" fillId="0" borderId="0" xfId="0" applyFont="1" applyAlignme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vertical="center"/>
    </xf>
    <xf numFmtId="0" fontId="3" fillId="0" borderId="1" xfId="0" applyFont="1" applyBorder="1" applyAlignment="1">
      <alignment vertical="center" wrapText="1"/>
    </xf>
    <xf numFmtId="0" fontId="3" fillId="0" borderId="0" xfId="0" applyFont="1" applyBorder="1" applyAlignment="1">
      <alignment horizontal="center" vertical="top" textRotation="255"/>
    </xf>
    <xf numFmtId="0" fontId="3" fillId="0" borderId="0" xfId="0" applyFont="1" applyBorder="1" applyAlignment="1">
      <alignment vertical="center"/>
    </xf>
    <xf numFmtId="0" fontId="3" fillId="0" borderId="2" xfId="0" applyFont="1" applyBorder="1" applyAlignment="1">
      <alignment horizontal="right" vertical="center"/>
    </xf>
    <xf numFmtId="0" fontId="3" fillId="0" borderId="3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5" xfId="0" applyFont="1" applyBorder="1" applyAlignment="1">
      <alignment horizontal="center" vertical="center" textRotation="255" wrapText="1"/>
    </xf>
    <xf numFmtId="0" fontId="3" fillId="0" borderId="6" xfId="0" applyFont="1" applyBorder="1" applyAlignment="1">
      <alignment horizontal="center" vertical="center" textRotation="255" wrapText="1"/>
    </xf>
    <xf numFmtId="0" fontId="3" fillId="0" borderId="7" xfId="0" applyFont="1" applyBorder="1" applyAlignment="1">
      <alignment horizontal="center" vertical="center" textRotation="255" wrapText="1"/>
    </xf>
    <xf numFmtId="0" fontId="3" fillId="0" borderId="6" xfId="0" applyFont="1" applyBorder="1" applyAlignment="1">
      <alignment horizontal="center" vertical="center" textRotation="255"/>
    </xf>
    <xf numFmtId="0" fontId="3" fillId="0" borderId="7" xfId="0" applyFont="1" applyBorder="1" applyAlignment="1">
      <alignment horizontal="center" vertical="center" textRotation="255"/>
    </xf>
    <xf numFmtId="0" fontId="3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42"/>
  <sheetViews>
    <sheetView tabSelected="1" view="pageBreakPreview" zoomScale="60" zoomScaleNormal="100" workbookViewId="0">
      <selection activeCell="I11" sqref="I11"/>
    </sheetView>
  </sheetViews>
  <sheetFormatPr defaultRowHeight="18" customHeight="1" x14ac:dyDescent="0.15"/>
  <cols>
    <col min="1" max="1" width="5" style="1" customWidth="1"/>
    <col min="2" max="2" width="18.625" style="1" customWidth="1"/>
    <col min="3" max="3" width="31.5" style="1" customWidth="1"/>
    <col min="4" max="4" width="30.625" style="1" customWidth="1"/>
    <col min="5" max="16384" width="9" style="1"/>
  </cols>
  <sheetData>
    <row r="1" spans="1:4" ht="18" customHeight="1" x14ac:dyDescent="0.15">
      <c r="A1" s="1" t="s">
        <v>0</v>
      </c>
    </row>
    <row r="2" spans="1:4" ht="18" customHeight="1" x14ac:dyDescent="0.15">
      <c r="A2" s="1" t="s">
        <v>1</v>
      </c>
    </row>
    <row r="3" spans="1:4" ht="18" customHeight="1" x14ac:dyDescent="0.15">
      <c r="A3" s="10" t="s">
        <v>2</v>
      </c>
      <c r="B3" s="2" t="s">
        <v>3</v>
      </c>
      <c r="C3" s="2" t="s">
        <v>4</v>
      </c>
      <c r="D3" s="2" t="s">
        <v>5</v>
      </c>
    </row>
    <row r="4" spans="1:4" ht="27" customHeight="1" x14ac:dyDescent="0.15">
      <c r="A4" s="11"/>
      <c r="B4" s="3" t="s">
        <v>6</v>
      </c>
      <c r="C4" s="4" t="s">
        <v>7</v>
      </c>
      <c r="D4" s="4" t="s">
        <v>8</v>
      </c>
    </row>
    <row r="5" spans="1:4" ht="27" customHeight="1" x14ac:dyDescent="0.15">
      <c r="A5" s="11"/>
      <c r="B5" s="3" t="s">
        <v>9</v>
      </c>
      <c r="C5" s="4" t="s">
        <v>10</v>
      </c>
      <c r="D5" s="4" t="s">
        <v>8</v>
      </c>
    </row>
    <row r="6" spans="1:4" ht="27" customHeight="1" x14ac:dyDescent="0.15">
      <c r="A6" s="11"/>
      <c r="B6" s="3" t="s">
        <v>11</v>
      </c>
      <c r="C6" s="4" t="s">
        <v>12</v>
      </c>
      <c r="D6" s="3" t="s">
        <v>13</v>
      </c>
    </row>
    <row r="7" spans="1:4" ht="27" customHeight="1" x14ac:dyDescent="0.15">
      <c r="A7" s="11"/>
      <c r="B7" s="3" t="s">
        <v>14</v>
      </c>
      <c r="C7" s="4" t="s">
        <v>15</v>
      </c>
      <c r="D7" s="3" t="s">
        <v>13</v>
      </c>
    </row>
    <row r="8" spans="1:4" ht="27" customHeight="1" x14ac:dyDescent="0.15">
      <c r="A8" s="11"/>
      <c r="B8" s="3" t="s">
        <v>16</v>
      </c>
      <c r="C8" s="4" t="s">
        <v>17</v>
      </c>
      <c r="D8" s="3" t="s">
        <v>13</v>
      </c>
    </row>
    <row r="9" spans="1:4" ht="18" customHeight="1" x14ac:dyDescent="0.15">
      <c r="A9" s="12"/>
      <c r="B9" s="3"/>
      <c r="C9" s="3"/>
      <c r="D9" s="3"/>
    </row>
    <row r="11" spans="1:4" ht="18" customHeight="1" x14ac:dyDescent="0.15">
      <c r="A11" s="1" t="s">
        <v>18</v>
      </c>
    </row>
    <row r="12" spans="1:4" ht="18" customHeight="1" x14ac:dyDescent="0.15">
      <c r="A12" s="10" t="s">
        <v>2</v>
      </c>
      <c r="B12" s="2" t="s">
        <v>3</v>
      </c>
      <c r="C12" s="2" t="s">
        <v>4</v>
      </c>
      <c r="D12" s="2" t="s">
        <v>5</v>
      </c>
    </row>
    <row r="13" spans="1:4" ht="18" customHeight="1" x14ac:dyDescent="0.15">
      <c r="A13" s="13"/>
      <c r="B13" s="3" t="s">
        <v>19</v>
      </c>
      <c r="C13" s="4" t="s">
        <v>20</v>
      </c>
      <c r="D13" s="3" t="s">
        <v>13</v>
      </c>
    </row>
    <row r="14" spans="1:4" ht="18" customHeight="1" x14ac:dyDescent="0.15">
      <c r="A14" s="13"/>
      <c r="B14" s="3" t="s">
        <v>21</v>
      </c>
      <c r="C14" s="4" t="s">
        <v>22</v>
      </c>
      <c r="D14" s="3" t="s">
        <v>13</v>
      </c>
    </row>
    <row r="15" spans="1:4" ht="18" customHeight="1" x14ac:dyDescent="0.15">
      <c r="A15" s="13"/>
      <c r="B15" s="3" t="s">
        <v>23</v>
      </c>
      <c r="C15" s="4" t="s">
        <v>24</v>
      </c>
      <c r="D15" s="3" t="s">
        <v>13</v>
      </c>
    </row>
    <row r="16" spans="1:4" ht="18" customHeight="1" x14ac:dyDescent="0.15">
      <c r="A16" s="13"/>
      <c r="B16" s="3" t="s">
        <v>25</v>
      </c>
      <c r="C16" s="4" t="s">
        <v>26</v>
      </c>
      <c r="D16" s="3" t="s">
        <v>13</v>
      </c>
    </row>
    <row r="17" spans="1:4" ht="18" customHeight="1" x14ac:dyDescent="0.15">
      <c r="A17" s="13"/>
      <c r="B17" s="3" t="s">
        <v>27</v>
      </c>
      <c r="C17" s="4" t="s">
        <v>28</v>
      </c>
      <c r="D17" s="3" t="s">
        <v>13</v>
      </c>
    </row>
    <row r="18" spans="1:4" ht="18" customHeight="1" x14ac:dyDescent="0.15">
      <c r="A18" s="13"/>
      <c r="B18" s="3" t="s">
        <v>29</v>
      </c>
      <c r="C18" s="4" t="s">
        <v>30</v>
      </c>
      <c r="D18" s="3" t="s">
        <v>13</v>
      </c>
    </row>
    <row r="19" spans="1:4" ht="18" customHeight="1" x14ac:dyDescent="0.15">
      <c r="A19" s="14"/>
      <c r="B19" s="3"/>
      <c r="C19" s="3"/>
      <c r="D19" s="3"/>
    </row>
    <row r="21" spans="1:4" ht="18" customHeight="1" x14ac:dyDescent="0.15">
      <c r="A21" s="1" t="s">
        <v>31</v>
      </c>
    </row>
    <row r="22" spans="1:4" ht="18" customHeight="1" x14ac:dyDescent="0.15">
      <c r="A22" s="10" t="s">
        <v>2</v>
      </c>
      <c r="B22" s="2" t="s">
        <v>3</v>
      </c>
      <c r="C22" s="2" t="s">
        <v>4</v>
      </c>
      <c r="D22" s="2" t="s">
        <v>5</v>
      </c>
    </row>
    <row r="23" spans="1:4" ht="18" customHeight="1" x14ac:dyDescent="0.15">
      <c r="A23" s="13"/>
      <c r="B23" s="3" t="s">
        <v>32</v>
      </c>
      <c r="C23" s="4" t="s">
        <v>33</v>
      </c>
      <c r="D23" s="3" t="s">
        <v>13</v>
      </c>
    </row>
    <row r="24" spans="1:4" ht="18" customHeight="1" x14ac:dyDescent="0.15">
      <c r="A24" s="13"/>
      <c r="B24" s="3" t="s">
        <v>34</v>
      </c>
      <c r="C24" s="4" t="s">
        <v>35</v>
      </c>
      <c r="D24" s="3" t="s">
        <v>13</v>
      </c>
    </row>
    <row r="25" spans="1:4" ht="18" customHeight="1" x14ac:dyDescent="0.15">
      <c r="A25" s="13"/>
      <c r="B25" s="3" t="s">
        <v>36</v>
      </c>
      <c r="C25" s="4" t="s">
        <v>37</v>
      </c>
      <c r="D25" s="3" t="s">
        <v>13</v>
      </c>
    </row>
    <row r="26" spans="1:4" ht="18" customHeight="1" x14ac:dyDescent="0.15">
      <c r="A26" s="13"/>
      <c r="B26" s="3" t="s">
        <v>38</v>
      </c>
      <c r="C26" s="4" t="s">
        <v>39</v>
      </c>
      <c r="D26" s="3" t="s">
        <v>13</v>
      </c>
    </row>
    <row r="27" spans="1:4" ht="18" customHeight="1" x14ac:dyDescent="0.15">
      <c r="A27" s="13"/>
      <c r="B27" s="3" t="s">
        <v>40</v>
      </c>
      <c r="C27" s="4" t="s">
        <v>41</v>
      </c>
      <c r="D27" s="3" t="s">
        <v>13</v>
      </c>
    </row>
    <row r="28" spans="1:4" ht="18" customHeight="1" x14ac:dyDescent="0.15">
      <c r="A28" s="13"/>
      <c r="B28" s="3" t="s">
        <v>29</v>
      </c>
      <c r="C28" s="4" t="s">
        <v>42</v>
      </c>
      <c r="D28" s="3" t="s">
        <v>13</v>
      </c>
    </row>
    <row r="29" spans="1:4" ht="18" customHeight="1" x14ac:dyDescent="0.15">
      <c r="A29" s="14"/>
      <c r="B29" s="3"/>
      <c r="C29" s="3"/>
      <c r="D29" s="3"/>
    </row>
    <row r="30" spans="1:4" ht="18" customHeight="1" x14ac:dyDescent="0.15">
      <c r="A30" s="5"/>
      <c r="B30" s="6"/>
      <c r="C30" s="6"/>
      <c r="D30" s="6"/>
    </row>
    <row r="31" spans="1:4" ht="18" customHeight="1" x14ac:dyDescent="0.15">
      <c r="A31" s="1" t="s">
        <v>43</v>
      </c>
    </row>
    <row r="32" spans="1:4" ht="18" customHeight="1" x14ac:dyDescent="0.15">
      <c r="A32" s="1" t="s">
        <v>44</v>
      </c>
      <c r="D32" s="7" t="s">
        <v>45</v>
      </c>
    </row>
    <row r="34" spans="1:4" ht="18" customHeight="1" x14ac:dyDescent="0.15">
      <c r="A34" s="1" t="s">
        <v>46</v>
      </c>
    </row>
    <row r="35" spans="1:4" ht="18" customHeight="1" x14ac:dyDescent="0.15">
      <c r="A35" s="15" t="s">
        <v>47</v>
      </c>
      <c r="B35" s="15"/>
      <c r="C35" s="2" t="s">
        <v>48</v>
      </c>
      <c r="D35" s="2" t="s">
        <v>49</v>
      </c>
    </row>
    <row r="36" spans="1:4" ht="24" customHeight="1" x14ac:dyDescent="0.15">
      <c r="A36" s="8"/>
      <c r="B36" s="9"/>
      <c r="C36" s="3"/>
      <c r="D36" s="3"/>
    </row>
    <row r="37" spans="1:4" ht="24" customHeight="1" x14ac:dyDescent="0.15">
      <c r="A37" s="8"/>
      <c r="B37" s="9"/>
      <c r="C37" s="3"/>
      <c r="D37" s="3"/>
    </row>
    <row r="38" spans="1:4" ht="24" customHeight="1" x14ac:dyDescent="0.15">
      <c r="A38" s="8"/>
      <c r="B38" s="9"/>
      <c r="C38" s="3"/>
      <c r="D38" s="3"/>
    </row>
    <row r="39" spans="1:4" ht="24" customHeight="1" x14ac:dyDescent="0.15">
      <c r="A39" s="8"/>
      <c r="B39" s="9"/>
      <c r="C39" s="3"/>
      <c r="D39" s="3"/>
    </row>
    <row r="41" spans="1:4" ht="18" customHeight="1" x14ac:dyDescent="0.15">
      <c r="A41" s="1" t="s">
        <v>50</v>
      </c>
    </row>
    <row r="42" spans="1:4" ht="18" customHeight="1" x14ac:dyDescent="0.15">
      <c r="D42" s="7" t="s">
        <v>45</v>
      </c>
    </row>
  </sheetData>
  <mergeCells count="4">
    <mergeCell ref="A3:A9"/>
    <mergeCell ref="A12:A19"/>
    <mergeCell ref="A22:A29"/>
    <mergeCell ref="A35:B35"/>
  </mergeCells>
  <phoneticPr fontId="1"/>
  <pageMargins left="0.70866141732283472" right="0.39370078740157483" top="0.59055118110236227" bottom="0.39370078740157483" header="0" footer="0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建リ法</vt:lpstr>
    </vt:vector>
  </TitlesOfParts>
  <Company>情報システム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伊丹市役所</dc:creator>
  <cp:lastModifiedBy>A</cp:lastModifiedBy>
  <cp:lastPrinted>2013-02-27T07:06:47Z</cp:lastPrinted>
  <dcterms:created xsi:type="dcterms:W3CDTF">2002-11-01T02:07:11Z</dcterms:created>
  <dcterms:modified xsi:type="dcterms:W3CDTF">2023-05-31T02:03:18Z</dcterms:modified>
</cp:coreProperties>
</file>